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\\naeast.ad.jpmorganchase.com\home2\nahome00340\i655478\jpmDesk\Desktop\"/>
    </mc:Choice>
  </mc:AlternateContent>
  <xr:revisionPtr revIDLastSave="0" documentId="13_ncr:1_{ACB98EA2-47F9-48EF-AA15-289C12B1114B}" xr6:coauthVersionLast="47" xr6:coauthVersionMax="47" xr10:uidLastSave="{00000000-0000-0000-0000-000000000000}"/>
  <bookViews>
    <workbookView xWindow="28680" yWindow="-120" windowWidth="29040" windowHeight="15840" xr2:uid="{29C5D863-9195-4259-B504-9D6EC0E9AF54}"/>
  </bookViews>
  <sheets>
    <sheet name="Sheet1" sheetId="1" r:id="rId1"/>
    <sheet name="Output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75" uniqueCount="6">
  <si>
    <t>Total</t>
  </si>
  <si>
    <t>Cat A</t>
  </si>
  <si>
    <t>Cat B</t>
  </si>
  <si>
    <t xml:space="preserve"> Avg</t>
  </si>
  <si>
    <t>Month</t>
  </si>
  <si>
    <t>Dat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">
    <xf numFmtId="0" fontId="0" fillId="0" borderId="0" xfId="0"/>
    <xf numFmtId="16" fontId="0" fillId="0" borderId="1" xfId="0" applyNumberFormat="1" applyBorder="1"/>
    <xf numFmtId="0" fontId="0" fillId="0" borderId="1" xfId="0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BB9836-7C79-4ADC-91C6-D3E971CDCDA7}">
  <dimension ref="A1:P18"/>
  <sheetViews>
    <sheetView tabSelected="1" workbookViewId="0">
      <selection activeCell="E2" sqref="E2:P3"/>
    </sheetView>
  </sheetViews>
  <sheetFormatPr defaultRowHeight="15" x14ac:dyDescent="0.25"/>
  <cols>
    <col min="15" max="15" width="12.28515625" customWidth="1"/>
  </cols>
  <sheetData>
    <row r="1" spans="1:16" x14ac:dyDescent="0.25">
      <c r="A1" s="2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</row>
    <row r="2" spans="1:16" x14ac:dyDescent="0.25">
      <c r="A2" s="2"/>
      <c r="B2" s="2"/>
      <c r="C2" s="2"/>
      <c r="D2" s="2" t="s">
        <v>5</v>
      </c>
      <c r="E2" s="2" t="s">
        <v>5</v>
      </c>
      <c r="F2" s="2" t="s">
        <v>5</v>
      </c>
      <c r="G2" s="2" t="s">
        <v>5</v>
      </c>
      <c r="H2" s="2" t="s">
        <v>5</v>
      </c>
      <c r="I2" s="2" t="s">
        <v>5</v>
      </c>
      <c r="J2" s="2" t="s">
        <v>5</v>
      </c>
      <c r="K2" s="2" t="s">
        <v>5</v>
      </c>
      <c r="L2" s="2" t="s">
        <v>5</v>
      </c>
      <c r="M2" s="2" t="s">
        <v>5</v>
      </c>
      <c r="N2" s="2" t="s">
        <v>5</v>
      </c>
      <c r="O2" s="2" t="s">
        <v>5</v>
      </c>
      <c r="P2" s="2" t="s">
        <v>5</v>
      </c>
    </row>
    <row r="3" spans="1:16" x14ac:dyDescent="0.25">
      <c r="A3" s="2"/>
      <c r="B3" s="2"/>
      <c r="C3" s="2"/>
      <c r="D3" s="2" t="s">
        <v>5</v>
      </c>
      <c r="E3" s="2" t="s">
        <v>5</v>
      </c>
      <c r="F3" s="2" t="s">
        <v>5</v>
      </c>
      <c r="G3" s="2" t="s">
        <v>5</v>
      </c>
      <c r="H3" s="2" t="s">
        <v>5</v>
      </c>
      <c r="I3" s="2" t="s">
        <v>5</v>
      </c>
      <c r="J3" s="2" t="s">
        <v>5</v>
      </c>
      <c r="K3" s="2" t="s">
        <v>5</v>
      </c>
      <c r="L3" s="2" t="s">
        <v>5</v>
      </c>
      <c r="M3" s="2" t="s">
        <v>5</v>
      </c>
      <c r="N3" s="2" t="s">
        <v>5</v>
      </c>
      <c r="O3" s="2" t="s">
        <v>5</v>
      </c>
      <c r="P3" s="2" t="s">
        <v>5</v>
      </c>
    </row>
    <row r="4" spans="1:16" x14ac:dyDescent="0.25">
      <c r="A4" s="2"/>
      <c r="B4" s="2"/>
      <c r="C4" s="2"/>
      <c r="D4" s="2" t="s">
        <v>5</v>
      </c>
      <c r="E4" s="2" t="s">
        <v>5</v>
      </c>
      <c r="F4" s="2" t="s">
        <v>5</v>
      </c>
      <c r="G4" s="2" t="s">
        <v>5</v>
      </c>
      <c r="H4" s="2" t="s">
        <v>5</v>
      </c>
      <c r="I4" s="2" t="s">
        <v>5</v>
      </c>
      <c r="J4" s="2" t="s">
        <v>5</v>
      </c>
      <c r="K4" s="2" t="s">
        <v>5</v>
      </c>
      <c r="L4" s="2" t="s">
        <v>5</v>
      </c>
      <c r="M4" s="2" t="s">
        <v>5</v>
      </c>
      <c r="N4" s="2" t="s">
        <v>5</v>
      </c>
      <c r="O4" s="2" t="s">
        <v>5</v>
      </c>
      <c r="P4" s="2" t="s">
        <v>5</v>
      </c>
    </row>
    <row r="5" spans="1:16" x14ac:dyDescent="0.25">
      <c r="A5" s="2"/>
      <c r="B5" s="2"/>
      <c r="C5" s="2"/>
      <c r="D5" s="2" t="s">
        <v>5</v>
      </c>
      <c r="E5" s="2" t="s">
        <v>5</v>
      </c>
      <c r="F5" s="2" t="s">
        <v>5</v>
      </c>
      <c r="G5" s="2" t="s">
        <v>5</v>
      </c>
      <c r="H5" s="2" t="s">
        <v>5</v>
      </c>
      <c r="I5" s="2" t="s">
        <v>5</v>
      </c>
      <c r="J5" s="2" t="s">
        <v>5</v>
      </c>
      <c r="K5" s="2" t="s">
        <v>5</v>
      </c>
      <c r="L5" s="2" t="s">
        <v>5</v>
      </c>
      <c r="M5" s="2" t="s">
        <v>5</v>
      </c>
      <c r="N5" s="2" t="s">
        <v>5</v>
      </c>
      <c r="O5" s="2" t="s">
        <v>5</v>
      </c>
      <c r="P5" s="2" t="s">
        <v>5</v>
      </c>
    </row>
    <row r="6" spans="1:16" x14ac:dyDescent="0.25">
      <c r="A6" s="2"/>
      <c r="B6" s="2"/>
      <c r="C6" s="2"/>
      <c r="D6" s="2" t="s">
        <v>5</v>
      </c>
      <c r="E6" s="2" t="s">
        <v>5</v>
      </c>
      <c r="F6" s="2" t="s">
        <v>5</v>
      </c>
      <c r="G6" s="2" t="s">
        <v>5</v>
      </c>
      <c r="H6" s="2" t="s">
        <v>5</v>
      </c>
      <c r="I6" s="2" t="s">
        <v>5</v>
      </c>
      <c r="J6" s="2" t="s">
        <v>5</v>
      </c>
      <c r="K6" s="2" t="s">
        <v>5</v>
      </c>
      <c r="L6" s="2" t="s">
        <v>5</v>
      </c>
      <c r="M6" s="2" t="s">
        <v>5</v>
      </c>
      <c r="N6" s="2" t="s">
        <v>5</v>
      </c>
      <c r="O6" s="2" t="s">
        <v>5</v>
      </c>
      <c r="P6" s="2" t="s">
        <v>5</v>
      </c>
    </row>
    <row r="7" spans="1:16" x14ac:dyDescent="0.25">
      <c r="A7" s="2"/>
      <c r="B7" s="2"/>
      <c r="C7" s="2"/>
      <c r="D7" s="2" t="s">
        <v>5</v>
      </c>
      <c r="E7" s="2" t="s">
        <v>5</v>
      </c>
      <c r="F7" s="2" t="s">
        <v>5</v>
      </c>
      <c r="G7" s="2" t="s">
        <v>5</v>
      </c>
      <c r="H7" s="2" t="s">
        <v>5</v>
      </c>
      <c r="I7" s="2" t="s">
        <v>5</v>
      </c>
      <c r="J7" s="2" t="s">
        <v>5</v>
      </c>
      <c r="K7" s="2" t="s">
        <v>5</v>
      </c>
      <c r="L7" s="2" t="s">
        <v>5</v>
      </c>
      <c r="M7" s="2" t="s">
        <v>5</v>
      </c>
      <c r="N7" s="2" t="s">
        <v>5</v>
      </c>
      <c r="O7" s="2" t="s">
        <v>5</v>
      </c>
      <c r="P7" s="2" t="s">
        <v>5</v>
      </c>
    </row>
    <row r="8" spans="1:16" x14ac:dyDescent="0.25">
      <c r="A8" s="2"/>
      <c r="B8" s="2"/>
      <c r="C8" s="2"/>
      <c r="D8" s="2" t="s">
        <v>5</v>
      </c>
      <c r="E8" s="2" t="s">
        <v>5</v>
      </c>
      <c r="F8" s="2" t="s">
        <v>5</v>
      </c>
      <c r="G8" s="2" t="s">
        <v>5</v>
      </c>
      <c r="H8" s="2" t="s">
        <v>5</v>
      </c>
      <c r="I8" s="2" t="s">
        <v>5</v>
      </c>
      <c r="J8" s="2" t="s">
        <v>5</v>
      </c>
      <c r="K8" s="2" t="s">
        <v>5</v>
      </c>
      <c r="L8" s="2" t="s">
        <v>5</v>
      </c>
      <c r="M8" s="2" t="s">
        <v>5</v>
      </c>
      <c r="N8" s="2" t="s">
        <v>5</v>
      </c>
      <c r="O8" s="2" t="s">
        <v>5</v>
      </c>
      <c r="P8" s="2" t="s">
        <v>5</v>
      </c>
    </row>
    <row r="9" spans="1:16" x14ac:dyDescent="0.25">
      <c r="A9" s="2"/>
      <c r="B9" s="2"/>
      <c r="C9" s="2"/>
      <c r="D9" s="2" t="s">
        <v>5</v>
      </c>
      <c r="E9" s="2" t="s">
        <v>5</v>
      </c>
      <c r="F9" s="2" t="s">
        <v>5</v>
      </c>
      <c r="G9" s="2" t="s">
        <v>5</v>
      </c>
      <c r="H9" s="2" t="s">
        <v>5</v>
      </c>
      <c r="I9" s="2" t="s">
        <v>5</v>
      </c>
      <c r="J9" s="2" t="s">
        <v>5</v>
      </c>
      <c r="K9" s="2" t="s">
        <v>5</v>
      </c>
      <c r="L9" s="2" t="s">
        <v>5</v>
      </c>
      <c r="M9" s="2" t="s">
        <v>5</v>
      </c>
      <c r="N9" s="2" t="s">
        <v>5</v>
      </c>
      <c r="O9" s="2" t="s">
        <v>5</v>
      </c>
      <c r="P9" s="2" t="s">
        <v>5</v>
      </c>
    </row>
    <row r="10" spans="1:16" x14ac:dyDescent="0.25">
      <c r="A10" s="2"/>
      <c r="B10" s="2"/>
      <c r="C10" s="2"/>
      <c r="D10" s="2" t="s">
        <v>5</v>
      </c>
      <c r="E10" s="2" t="s">
        <v>5</v>
      </c>
      <c r="F10" s="2" t="s">
        <v>5</v>
      </c>
      <c r="G10" s="2" t="s">
        <v>5</v>
      </c>
      <c r="H10" s="2" t="s">
        <v>5</v>
      </c>
      <c r="I10" s="2" t="s">
        <v>5</v>
      </c>
      <c r="J10" s="2" t="s">
        <v>5</v>
      </c>
      <c r="K10" s="2" t="s">
        <v>5</v>
      </c>
      <c r="L10" s="2" t="s">
        <v>5</v>
      </c>
      <c r="M10" s="2" t="s">
        <v>5</v>
      </c>
      <c r="N10" s="2" t="s">
        <v>5</v>
      </c>
      <c r="O10" s="2" t="s">
        <v>5</v>
      </c>
      <c r="P10" s="2" t="s">
        <v>5</v>
      </c>
    </row>
    <row r="11" spans="1:16" x14ac:dyDescent="0.25">
      <c r="A11" s="2"/>
      <c r="B11" s="2"/>
      <c r="C11" s="2"/>
      <c r="D11" s="2" t="s">
        <v>5</v>
      </c>
      <c r="E11" s="2" t="s">
        <v>5</v>
      </c>
      <c r="F11" s="2" t="s">
        <v>5</v>
      </c>
      <c r="G11" s="2" t="s">
        <v>5</v>
      </c>
      <c r="H11" s="2" t="s">
        <v>5</v>
      </c>
      <c r="I11" s="2" t="s">
        <v>5</v>
      </c>
      <c r="J11" s="2" t="s">
        <v>5</v>
      </c>
      <c r="K11" s="2" t="s">
        <v>5</v>
      </c>
      <c r="L11" s="2" t="s">
        <v>5</v>
      </c>
      <c r="M11" s="2" t="s">
        <v>5</v>
      </c>
      <c r="N11" s="2" t="s">
        <v>5</v>
      </c>
      <c r="O11" s="2" t="s">
        <v>5</v>
      </c>
      <c r="P11" s="2" t="s">
        <v>5</v>
      </c>
    </row>
    <row r="12" spans="1:16" x14ac:dyDescent="0.25">
      <c r="A12" s="2"/>
      <c r="B12" s="2"/>
      <c r="C12" s="2"/>
      <c r="D12" s="2" t="s">
        <v>5</v>
      </c>
      <c r="E12" s="2" t="s">
        <v>5</v>
      </c>
      <c r="F12" s="2" t="s">
        <v>5</v>
      </c>
      <c r="G12" s="2" t="s">
        <v>5</v>
      </c>
      <c r="H12" s="2" t="s">
        <v>5</v>
      </c>
      <c r="I12" s="2" t="s">
        <v>5</v>
      </c>
      <c r="J12" s="2" t="s">
        <v>5</v>
      </c>
      <c r="K12" s="2" t="s">
        <v>5</v>
      </c>
      <c r="L12" s="2" t="s">
        <v>5</v>
      </c>
      <c r="M12" s="2" t="s">
        <v>5</v>
      </c>
      <c r="N12" s="2" t="s">
        <v>5</v>
      </c>
      <c r="O12" s="2" t="s">
        <v>5</v>
      </c>
      <c r="P12" s="2" t="s">
        <v>5</v>
      </c>
    </row>
    <row r="13" spans="1:16" x14ac:dyDescent="0.25">
      <c r="A13" s="2"/>
      <c r="B13" s="2"/>
      <c r="C13" s="2"/>
      <c r="D13" s="2" t="s">
        <v>5</v>
      </c>
      <c r="E13" s="2" t="s">
        <v>5</v>
      </c>
      <c r="F13" s="2" t="s">
        <v>5</v>
      </c>
      <c r="G13" s="2" t="s">
        <v>5</v>
      </c>
      <c r="H13" s="2" t="s">
        <v>5</v>
      </c>
      <c r="I13" s="2" t="s">
        <v>5</v>
      </c>
      <c r="J13" s="2" t="s">
        <v>5</v>
      </c>
      <c r="K13" s="2" t="s">
        <v>5</v>
      </c>
      <c r="L13" s="2" t="s">
        <v>5</v>
      </c>
      <c r="M13" s="2" t="s">
        <v>5</v>
      </c>
      <c r="N13" s="2" t="s">
        <v>5</v>
      </c>
      <c r="O13" s="2" t="s">
        <v>5</v>
      </c>
      <c r="P13" s="2" t="s">
        <v>5</v>
      </c>
    </row>
    <row r="14" spans="1:16" x14ac:dyDescent="0.25">
      <c r="A14" s="2"/>
      <c r="B14" s="2"/>
      <c r="C14" s="2"/>
      <c r="D14" s="2" t="s">
        <v>5</v>
      </c>
      <c r="E14" s="2" t="s">
        <v>5</v>
      </c>
      <c r="F14" s="2" t="s">
        <v>5</v>
      </c>
      <c r="G14" s="2" t="s">
        <v>5</v>
      </c>
      <c r="H14" s="2" t="s">
        <v>5</v>
      </c>
      <c r="I14" s="2" t="s">
        <v>5</v>
      </c>
      <c r="J14" s="2" t="s">
        <v>5</v>
      </c>
      <c r="K14" s="2" t="s">
        <v>5</v>
      </c>
      <c r="L14" s="2" t="s">
        <v>5</v>
      </c>
      <c r="M14" s="2" t="s">
        <v>5</v>
      </c>
      <c r="N14" s="2" t="s">
        <v>5</v>
      </c>
      <c r="O14" s="2" t="s">
        <v>5</v>
      </c>
      <c r="P14" s="2" t="s">
        <v>5</v>
      </c>
    </row>
    <row r="15" spans="1:16" x14ac:dyDescent="0.25">
      <c r="A15" s="2"/>
      <c r="B15" s="2"/>
      <c r="C15" s="2"/>
      <c r="D15" s="1">
        <v>45160</v>
      </c>
      <c r="E15" s="1">
        <v>45191</v>
      </c>
      <c r="F15" s="1">
        <v>45221</v>
      </c>
      <c r="G15" s="1">
        <v>45252</v>
      </c>
      <c r="H15" s="1">
        <v>45282</v>
      </c>
      <c r="I15" s="1">
        <v>44949</v>
      </c>
      <c r="J15" s="1">
        <v>44980</v>
      </c>
      <c r="K15" s="1">
        <v>45008</v>
      </c>
      <c r="L15" s="1">
        <v>45039</v>
      </c>
      <c r="M15" s="1">
        <v>45069</v>
      </c>
      <c r="N15" s="1">
        <v>45100</v>
      </c>
      <c r="O15" s="1">
        <v>45130</v>
      </c>
      <c r="P15" s="2" t="s">
        <v>3</v>
      </c>
    </row>
    <row r="16" spans="1:16" x14ac:dyDescent="0.25">
      <c r="A16" s="2"/>
      <c r="B16" s="2"/>
      <c r="C16" s="2" t="s">
        <v>1</v>
      </c>
      <c r="D16" s="2">
        <v>0.33400000000000002</v>
      </c>
      <c r="E16" s="2">
        <v>0.29899999999999999</v>
      </c>
      <c r="F16" s="2">
        <v>0.27500000000000002</v>
      </c>
      <c r="G16" s="2">
        <v>0.28299999999999997</v>
      </c>
      <c r="H16" s="2">
        <v>0.34899999999999998</v>
      </c>
      <c r="I16" s="2">
        <v>0.253</v>
      </c>
      <c r="J16" s="2">
        <v>0.25700000000000001</v>
      </c>
      <c r="K16" s="2">
        <v>0.26300000000000001</v>
      </c>
      <c r="L16" s="2">
        <v>0.26400000000000001</v>
      </c>
      <c r="M16" s="2">
        <v>0.255</v>
      </c>
      <c r="N16" s="2">
        <v>0.27500000000000002</v>
      </c>
      <c r="O16" s="2">
        <v>0.26600000000000001</v>
      </c>
      <c r="P16" s="2">
        <v>0.27800000000000002</v>
      </c>
    </row>
    <row r="17" spans="1:16" x14ac:dyDescent="0.25">
      <c r="A17" s="2"/>
      <c r="B17" s="2"/>
      <c r="C17" s="2" t="s">
        <v>2</v>
      </c>
      <c r="D17" s="2">
        <v>0.17699999999999999</v>
      </c>
      <c r="E17" s="2">
        <v>0.16600000000000001</v>
      </c>
      <c r="F17" s="2">
        <v>0.157</v>
      </c>
      <c r="G17" s="2">
        <v>0.159</v>
      </c>
      <c r="H17" s="2">
        <v>0.20899999999999999</v>
      </c>
      <c r="I17" s="2">
        <v>0.129</v>
      </c>
      <c r="J17" s="2">
        <v>0.13300000000000001</v>
      </c>
      <c r="K17" s="2">
        <v>0.13800000000000001</v>
      </c>
      <c r="L17" s="2">
        <v>0.13200000000000001</v>
      </c>
      <c r="M17" s="2">
        <v>0.13300000000000001</v>
      </c>
      <c r="N17" s="2">
        <v>0.14799999999999999</v>
      </c>
      <c r="O17" s="2">
        <v>0.14399999999999999</v>
      </c>
      <c r="P17" s="2">
        <v>0.15</v>
      </c>
    </row>
    <row r="18" spans="1:16" x14ac:dyDescent="0.25">
      <c r="A18" s="2"/>
      <c r="B18" s="2"/>
      <c r="C18" s="2" t="s">
        <v>0</v>
      </c>
      <c r="D18" s="2">
        <v>0.51100000000000001</v>
      </c>
      <c r="E18" s="2">
        <v>0.46500000000000002</v>
      </c>
      <c r="F18" s="2">
        <v>0.432</v>
      </c>
      <c r="G18" s="2">
        <v>0.443</v>
      </c>
      <c r="H18" s="2">
        <v>0.55800000000000005</v>
      </c>
      <c r="I18" s="2">
        <v>0.38200000000000001</v>
      </c>
      <c r="J18" s="2">
        <v>0.39</v>
      </c>
      <c r="K18" s="2">
        <v>0.40100000000000002</v>
      </c>
      <c r="L18" s="2">
        <v>0.39600000000000002</v>
      </c>
      <c r="M18" s="2">
        <v>0.38900000000000001</v>
      </c>
      <c r="N18" s="2">
        <v>0.42299999999999999</v>
      </c>
      <c r="O18" s="2">
        <v>0.41</v>
      </c>
      <c r="P18" s="2">
        <v>0.42799999999999999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9DEC28-6DAB-400C-B6B8-FD534522A094}">
  <dimension ref="A1:B14"/>
  <sheetViews>
    <sheetView workbookViewId="0">
      <selection sqref="A1:B13"/>
    </sheetView>
  </sheetViews>
  <sheetFormatPr defaultRowHeight="15" x14ac:dyDescent="0.25"/>
  <sheetData>
    <row r="1" spans="1:2" x14ac:dyDescent="0.25">
      <c r="A1" s="2" t="s">
        <v>4</v>
      </c>
      <c r="B1" s="2" t="s">
        <v>0</v>
      </c>
    </row>
    <row r="2" spans="1:2" x14ac:dyDescent="0.25">
      <c r="A2" s="1">
        <v>45160</v>
      </c>
      <c r="B2" s="2">
        <v>0.51100000000000001</v>
      </c>
    </row>
    <row r="3" spans="1:2" x14ac:dyDescent="0.25">
      <c r="A3" s="1">
        <v>45191</v>
      </c>
      <c r="B3" s="2">
        <v>0.46500000000000002</v>
      </c>
    </row>
    <row r="4" spans="1:2" x14ac:dyDescent="0.25">
      <c r="A4" s="1">
        <v>45221</v>
      </c>
      <c r="B4" s="2">
        <v>0.432</v>
      </c>
    </row>
    <row r="5" spans="1:2" x14ac:dyDescent="0.25">
      <c r="A5" s="1">
        <v>45252</v>
      </c>
      <c r="B5" s="2">
        <v>0.443</v>
      </c>
    </row>
    <row r="6" spans="1:2" x14ac:dyDescent="0.25">
      <c r="A6" s="1">
        <v>45282</v>
      </c>
      <c r="B6" s="2">
        <v>0.55800000000000005</v>
      </c>
    </row>
    <row r="7" spans="1:2" x14ac:dyDescent="0.25">
      <c r="A7" s="1">
        <v>44949</v>
      </c>
      <c r="B7" s="2">
        <v>0.38200000000000001</v>
      </c>
    </row>
    <row r="8" spans="1:2" x14ac:dyDescent="0.25">
      <c r="A8" s="1">
        <v>44980</v>
      </c>
      <c r="B8" s="2">
        <v>0.39</v>
      </c>
    </row>
    <row r="9" spans="1:2" x14ac:dyDescent="0.25">
      <c r="A9" s="1">
        <v>45008</v>
      </c>
      <c r="B9" s="2">
        <v>0.40100000000000002</v>
      </c>
    </row>
    <row r="10" spans="1:2" x14ac:dyDescent="0.25">
      <c r="A10" s="1">
        <v>45039</v>
      </c>
      <c r="B10" s="2">
        <v>0.39600000000000002</v>
      </c>
    </row>
    <row r="11" spans="1:2" x14ac:dyDescent="0.25">
      <c r="A11" s="1">
        <v>45069</v>
      </c>
      <c r="B11" s="2">
        <v>0.38900000000000001</v>
      </c>
    </row>
    <row r="12" spans="1:2" x14ac:dyDescent="0.25">
      <c r="A12" s="1">
        <v>45100</v>
      </c>
      <c r="B12" s="2">
        <v>0.42299999999999999</v>
      </c>
    </row>
    <row r="13" spans="1:2" x14ac:dyDescent="0.25">
      <c r="A13" s="1">
        <v>45130</v>
      </c>
      <c r="B13" s="2">
        <v>0.41</v>
      </c>
    </row>
    <row r="14" spans="1:2" x14ac:dyDescent="0.25">
      <c r="A14" s="2"/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PitchProPlusData>
  <PitchProShapeProperty_61843920_Version>2</PitchProShapeProperty_61843920_Version>
</PitchProPlusData>
</file>

<file path=customXml/itemProps1.xml><?xml version="1.0" encoding="utf-8"?>
<ds:datastoreItem xmlns:ds="http://schemas.openxmlformats.org/officeDocument/2006/customXml" ds:itemID="{37580A4A-557B-4866-A0F1-27A745355783}">
  <ds:schemaRefs/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heet1</vt:lpstr>
      <vt:lpstr>Outpu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dugapalli, Dheeraj</dc:creator>
  <cp:lastModifiedBy>Indugapalli, Dheeraj</cp:lastModifiedBy>
  <dcterms:created xsi:type="dcterms:W3CDTF">2023-09-26T15:43:01Z</dcterms:created>
  <dcterms:modified xsi:type="dcterms:W3CDTF">2023-09-26T18:47:0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PitchProPlusUniqueWorkbookId">
    <vt:lpwstr>151fb77a-7573-4b2f-9640-73dcd342d5e7</vt:lpwstr>
  </property>
</Properties>
</file>